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tags/tag3.xml" ContentType="application/vnd.openxmlformats-officedocument.presentationml.tags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tags/tag4.xml" ContentType="application/vnd.openxmlformats-officedocument.presentationml.tags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61" r:id="rId2"/>
    <p:sldId id="262" r:id="rId3"/>
    <p:sldId id="265" r:id="rId4"/>
    <p:sldId id="282" r:id="rId5"/>
    <p:sldId id="267" r:id="rId6"/>
    <p:sldId id="268" r:id="rId7"/>
    <p:sldId id="269" r:id="rId8"/>
    <p:sldId id="270" r:id="rId9"/>
    <p:sldId id="271" r:id="rId10"/>
    <p:sldId id="272" r:id="rId11"/>
    <p:sldId id="273" r:id="rId12"/>
    <p:sldId id="274" r:id="rId13"/>
    <p:sldId id="275" r:id="rId14"/>
    <p:sldId id="276" r:id="rId15"/>
    <p:sldId id="277" r:id="rId16"/>
    <p:sldId id="266" r:id="rId17"/>
    <p:sldId id="279" r:id="rId18"/>
    <p:sldId id="280" r:id="rId19"/>
    <p:sldId id="281" r:id="rId20"/>
    <p:sldId id="264" r:id="rId21"/>
    <p:sldId id="260" r:id="rId22"/>
  </p:sldIdLst>
  <p:sldSz cx="12188825" cy="6858000"/>
  <p:notesSz cx="6858000" cy="9144000"/>
  <p:embeddedFontLst>
    <p:embeddedFont>
      <p:font typeface="AU Passata" panose="020B0503030502030804" pitchFamily="34" charset="77"/>
      <p:regular r:id="rId25"/>
      <p:bold r:id="rId26"/>
    </p:embeddedFont>
    <p:embeddedFont>
      <p:font typeface="AU Passata Light" panose="020B0303030902030804" pitchFamily="34" charset="77"/>
      <p:regular r:id="rId27"/>
      <p:bold r:id="rId28"/>
    </p:embeddedFont>
    <p:embeddedFont>
      <p:font typeface="Calibri" panose="020F0502020204030204" pitchFamily="34" charset="0"/>
      <p:regular r:id="rId29"/>
      <p:bold r:id="rId30"/>
      <p:italic r:id="rId31"/>
      <p:boldItalic r:id="rId32"/>
    </p:embeddedFont>
    <p:embeddedFont>
      <p:font typeface="Georgia" panose="02040502050405020303" pitchFamily="18" charset="0"/>
      <p:regular r:id="rId33"/>
      <p:bold r:id="rId34"/>
      <p:italic r:id="rId35"/>
      <p:boldItalic r:id="rId3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734" autoAdjust="0"/>
    <p:restoredTop sz="83222" autoAdjust="0"/>
  </p:normalViewPr>
  <p:slideViewPr>
    <p:cSldViewPr snapToObjects="1" showGuides="1">
      <p:cViewPr varScale="1">
        <p:scale>
          <a:sx n="108" d="100"/>
          <a:sy n="108" d="100"/>
        </p:scale>
        <p:origin x="1336" y="184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2.fntdata"/><Relationship Id="rId39" Type="http://schemas.openxmlformats.org/officeDocument/2006/relationships/theme" Target="theme/theme1.xml"/><Relationship Id="rId21" Type="http://schemas.openxmlformats.org/officeDocument/2006/relationships/slide" Target="slides/slide20.xml"/><Relationship Id="rId34" Type="http://schemas.openxmlformats.org/officeDocument/2006/relationships/font" Target="fonts/font10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7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819846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417518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110258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5469335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5898086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6526778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863119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1298068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0477096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7375326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441973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0939124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73202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0222033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364975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877261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696143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034156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29893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30 Septem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olving Business Problems with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aroline Kjær Børsting</a:t>
            </a:r>
          </a:p>
        </p:txBody>
      </p:sp>
      <p:pic>
        <p:nvPicPr>
          <p:cNvPr id="46611785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Department of Managemen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y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Department of Management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30 Septem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olving Business Problems with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aroline Kjær Børsting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7194638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Department of Managemen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30 Septem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olving Business Problems with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aroline Kjær Børsting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85007031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Department of Managemen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442799944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olving Business Problems with 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aroline Kjær Børsting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30 Septem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tx1"/>
                </a:solidFill>
                <a:latin typeface="+mn-lt"/>
              </a:rPr>
              <a:t>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Department of Managemen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en-GB" smtClean="0"/>
              <a:pPr/>
              <a:t>30/09/2021</a:t>
            </a:fld>
            <a:r>
              <a:rPr lang="en-GB"/>
              <a:t>30/09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gi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gi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2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image" Target="../media/image24.png"/><Relationship Id="rId5" Type="http://schemas.openxmlformats.org/officeDocument/2006/relationships/image" Target="../media/image23.jpeg"/><Relationship Id="rId4" Type="http://schemas.openxmlformats.org/officeDocument/2006/relationships/image" Target="../media/image22.jpe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nfoworld.com/article/3626911/easy-interactive-ggplot-graphs-in-r-with-ggiraph.html" TargetMode="External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5.xml"/><Relationship Id="rId4" Type="http://schemas.openxmlformats.org/officeDocument/2006/relationships/hyperlink" Target="https://rstudio.cloud/learn/primers/3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20842"/>
            <a:ext cx="10220325" cy="1384995"/>
          </a:xfrm>
        </p:spPr>
        <p:txBody>
          <a:bodyPr/>
          <a:lstStyle/>
          <a:p>
            <a:r>
              <a:rPr lang="en-GB" dirty="0"/>
              <a:t>Tutorial #4</a:t>
            </a:r>
            <a:br>
              <a:rPr lang="en-GB" dirty="0"/>
            </a:br>
            <a:r>
              <a:rPr lang="en-GB" sz="4000" dirty="0"/>
              <a:t>Data visualization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46266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b="1" dirty="0"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  <p:pic>
        <p:nvPicPr>
          <p:cNvPr id="6146" name="Picture 2" descr="Word cloud – COVID-19 SOCIAL SCIENCE LAB">
            <a:extLst>
              <a:ext uri="{FF2B5EF4-FFF2-40B4-BE49-F238E27FC236}">
                <a16:creationId xmlns:a16="http://schemas.microsoft.com/office/drawing/2014/main" id="{0211E4D1-5A33-FD4C-8402-B106ED5E2C6A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41884" y="1628800"/>
            <a:ext cx="5171565" cy="3937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6745099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46266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b="1" dirty="0"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solidFill>
                <a:schemeClr val="bg1">
                  <a:lumMod val="50000"/>
                </a:schemeClr>
              </a:solidFill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  <p:pic>
        <p:nvPicPr>
          <p:cNvPr id="7170" name="Picture 2" descr="Polar coordinates — coord_polar • ggplot2">
            <a:extLst>
              <a:ext uri="{FF2B5EF4-FFF2-40B4-BE49-F238E27FC236}">
                <a16:creationId xmlns:a16="http://schemas.microsoft.com/office/drawing/2014/main" id="{21FF836F-5B04-7A4C-BAF3-98DDC681EBB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0370" y="1839814"/>
            <a:ext cx="6335637" cy="39189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0773744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46266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b="1" dirty="0"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solidFill>
                <a:schemeClr val="bg1">
                  <a:lumMod val="50000"/>
                </a:schemeClr>
              </a:solidFill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46389854-ECCA-6E44-BBB0-829657D24AC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 dirty="0"/>
          </a:p>
        </p:txBody>
      </p:sp>
      <p:pic>
        <p:nvPicPr>
          <p:cNvPr id="8196" name="Picture 4" descr="Raincloud plots: a multi-platform tool for... | Wellcome Open Research">
            <a:extLst>
              <a:ext uri="{FF2B5EF4-FFF2-40B4-BE49-F238E27FC236}">
                <a16:creationId xmlns:a16="http://schemas.microsoft.com/office/drawing/2014/main" id="{A97ADF71-B21C-C643-A5E6-C84420DE21E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5860" y="1722824"/>
            <a:ext cx="5551662" cy="41529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8375918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46266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b="1" dirty="0"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solidFill>
                <a:schemeClr val="bg1">
                  <a:lumMod val="50000"/>
                </a:schemeClr>
              </a:solidFill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A6F1F6A-4A32-9145-B128-7460D9D1017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9218" name="Picture 2" descr="From CSV To Heatmap With Leaflet - Digital Geography">
            <a:extLst>
              <a:ext uri="{FF2B5EF4-FFF2-40B4-BE49-F238E27FC236}">
                <a16:creationId xmlns:a16="http://schemas.microsoft.com/office/drawing/2014/main" id="{081EF963-BFB7-D945-AC85-62A457DF146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48383" y="2204864"/>
            <a:ext cx="5659612" cy="29561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2782864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46266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b="1" dirty="0"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7A001BD-201F-DD4E-BA0F-24CC756A02D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 dirty="0"/>
          </a:p>
        </p:txBody>
      </p:sp>
      <p:pic>
        <p:nvPicPr>
          <p:cNvPr id="10242" name="Picture 2" descr="gganimate: How to Create Plots with Beautiful Animation in R - Datanovia">
            <a:extLst>
              <a:ext uri="{FF2B5EF4-FFF2-40B4-BE49-F238E27FC236}">
                <a16:creationId xmlns:a16="http://schemas.microsoft.com/office/drawing/2014/main" id="{B2E030EC-CD28-BD49-BC62-B7E80281E66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7908" y="1383805"/>
            <a:ext cx="4272135" cy="42721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4561533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90380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b="1" dirty="0"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  <p:pic>
        <p:nvPicPr>
          <p:cNvPr id="12290" name="Picture 2" descr="Easy interactive ggplot graphs in R with ggiraph | InfoWorld">
            <a:extLst>
              <a:ext uri="{FF2B5EF4-FFF2-40B4-BE49-F238E27FC236}">
                <a16:creationId xmlns:a16="http://schemas.microsoft.com/office/drawing/2014/main" id="{9231A577-C687-E941-94D4-C778BBC27EB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9759" y="2001457"/>
            <a:ext cx="7102524" cy="35956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9969882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E4263C-BB3C-8D47-BAB6-F736BBECB0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D66E4A-E67F-5948-AD7C-5183253481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298031-7A95-DD43-86E9-6A6D217DF630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4FE8A7A2-E12F-9645-8542-AFFB420318A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2869" y="476672"/>
            <a:ext cx="7783086" cy="5564907"/>
          </a:xfrm>
        </p:spPr>
      </p:pic>
    </p:spTree>
    <p:extLst>
      <p:ext uri="{BB962C8B-B14F-4D97-AF65-F5344CB8AC3E}">
        <p14:creationId xmlns:p14="http://schemas.microsoft.com/office/powerpoint/2010/main" val="339027201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6412" y="260648"/>
            <a:ext cx="11556000" cy="752101"/>
          </a:xfrm>
        </p:spPr>
        <p:txBody>
          <a:bodyPr/>
          <a:lstStyle/>
          <a:p>
            <a:r>
              <a:rPr lang="en-GB" dirty="0"/>
              <a:t>Exercise: </a:t>
            </a:r>
            <a:r>
              <a:rPr lang="en-GB"/>
              <a:t>Visualizations in r</a:t>
            </a:r>
            <a:endParaRPr lang="en-GB" dirty="0"/>
          </a:p>
        </p:txBody>
      </p:sp>
      <p:pic>
        <p:nvPicPr>
          <p:cNvPr id="13314" name="Picture 2" descr="Slide in AAPL stock price continues into 5th day, but needs to be viewed in  context, say analysts - 9to5Mac">
            <a:extLst>
              <a:ext uri="{FF2B5EF4-FFF2-40B4-BE49-F238E27FC236}">
                <a16:creationId xmlns:a16="http://schemas.microsoft.com/office/drawing/2014/main" id="{99B768EF-F00C-164F-9E59-7569F3D45BA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1181100"/>
            <a:ext cx="4495800" cy="22479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316" name="Picture 4" descr="Nykaa Fashion – Online Shopping App – Applications sur Google Play">
            <a:extLst>
              <a:ext uri="{FF2B5EF4-FFF2-40B4-BE49-F238E27FC236}">
                <a16:creationId xmlns:a16="http://schemas.microsoft.com/office/drawing/2014/main" id="{7FA99E8A-56F4-A74B-AB08-8A9BC50C78C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55198" y="1409480"/>
            <a:ext cx="3240360" cy="20195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318" name="Picture 6" descr="Not just “a few bad apples”: U.S. police kill civilians at much higher  rates than other countries | Prison Policy Initiative">
            <a:extLst>
              <a:ext uri="{FF2B5EF4-FFF2-40B4-BE49-F238E27FC236}">
                <a16:creationId xmlns:a16="http://schemas.microsoft.com/office/drawing/2014/main" id="{BF6AB4A7-CA6A-6D41-8548-98FE8337B0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7496" y="3597351"/>
            <a:ext cx="4176464" cy="24171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320" name="Picture 8" descr="Africa: The many measures of poverty - per capita GDP, adult literacy rate, life  expectancy - World | ReliefWeb">
            <a:extLst>
              <a:ext uri="{FF2B5EF4-FFF2-40B4-BE49-F238E27FC236}">
                <a16:creationId xmlns:a16="http://schemas.microsoft.com/office/drawing/2014/main" id="{5A17BC11-F39D-5644-96E8-1DCA6BB3D29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8508" y="3721394"/>
            <a:ext cx="4737347" cy="20961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3049707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5B9621-1341-C343-9A57-2123D8E738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</a:t>
            </a:r>
            <a:r>
              <a:rPr lang="en-DK" dirty="0"/>
              <a:t>ptional exercie: ggiraph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41B8E6-AAD9-4145-ABA8-25CE3F675AD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61773" y="5229200"/>
            <a:ext cx="9864279" cy="752102"/>
          </a:xfrm>
        </p:spPr>
        <p:txBody>
          <a:bodyPr/>
          <a:lstStyle/>
          <a:p>
            <a:pPr algn="ctr"/>
            <a:r>
              <a:rPr lang="en-US" sz="1600" dirty="0">
                <a:hlinkClick r:id="rId3"/>
              </a:rPr>
              <a:t>https://www.infoworld.com/article/3626911/easy-interactive-ggplot-graphs-in-r-with-ggiraph.html</a:t>
            </a:r>
            <a:endParaRPr lang="en-US" sz="1600" dirty="0"/>
          </a:p>
          <a:p>
            <a:pPr algn="ctr"/>
            <a:endParaRPr lang="en-DK" sz="16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E7F1C8C-9099-794B-97B0-4A5A28F761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23B34-2564-B340-B377-96E53D68989A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pic>
        <p:nvPicPr>
          <p:cNvPr id="15362" name="Picture 2" descr="Make ggplot2 Graphics Interactive • ggiraph package">
            <a:extLst>
              <a:ext uri="{FF2B5EF4-FFF2-40B4-BE49-F238E27FC236}">
                <a16:creationId xmlns:a16="http://schemas.microsoft.com/office/drawing/2014/main" id="{3F6DE920-524F-F341-A7CA-25D50DD0A9E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84347" y="1604462"/>
            <a:ext cx="2540000" cy="29337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5BA81557-A0B2-D740-95E1-307B97E0C29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662364" y="1208841"/>
            <a:ext cx="4608512" cy="37249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724793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6EDD98-577D-2A44-B45B-CFCE449EF8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</a:t>
            </a:r>
            <a:r>
              <a:rPr lang="en-DK" dirty="0"/>
              <a:t>ptional exercise: Rstudio cloud prim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6B4B9F-7764-F440-896B-3E63649C1D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D6312C-9DB3-E049-A768-2A69376D125E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pic>
        <p:nvPicPr>
          <p:cNvPr id="16386" name="Picture 2" descr="Create a new ggplot — ggplot • ggplot2">
            <a:extLst>
              <a:ext uri="{FF2B5EF4-FFF2-40B4-BE49-F238E27FC236}">
                <a16:creationId xmlns:a16="http://schemas.microsoft.com/office/drawing/2014/main" id="{0BE28353-05EF-3941-AF11-0DDE5956B24C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33433" y="1978874"/>
            <a:ext cx="2521957" cy="29002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FDD643EC-C00C-A443-A4FF-D9FCDB4EFB8F}"/>
              </a:ext>
            </a:extLst>
          </p:cNvPr>
          <p:cNvSpPr txBox="1"/>
          <p:nvPr/>
        </p:nvSpPr>
        <p:spPr>
          <a:xfrm>
            <a:off x="3864520" y="4998862"/>
            <a:ext cx="7086600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000" dirty="0">
                <a:hlinkClick r:id="rId4"/>
              </a:rPr>
              <a:t>https://rstudio.cloud/learn/primers/3</a:t>
            </a:r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39590663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dirty="0"/>
              <a:t>Different plot types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Exercises: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/>
              <a:t>Exercise: Visualizations of four different data sets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/>
              <a:t>Optional exercise: Make interactive plots using </a:t>
            </a:r>
            <a:r>
              <a:rPr lang="en-GB" dirty="0" err="1"/>
              <a:t>ggiraph</a:t>
            </a:r>
            <a:r>
              <a:rPr lang="en-GB" dirty="0"/>
              <a:t>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/>
              <a:t>Optional exercise: </a:t>
            </a:r>
            <a:r>
              <a:rPr lang="en-GB" dirty="0" err="1"/>
              <a:t>Rstudio</a:t>
            </a:r>
            <a:r>
              <a:rPr lang="en-GB" dirty="0"/>
              <a:t> Cloud primer on visualization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40C88F-0C12-7B48-AD25-A18882FB9C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Next tim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DEBD42-020A-2241-892D-856C0414191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Date: 07.10.2021</a:t>
            </a:r>
          </a:p>
          <a:p>
            <a:r>
              <a:rPr lang="en-DK" dirty="0"/>
              <a:t>Topic: Exploratory data analysis</a:t>
            </a:r>
          </a:p>
          <a:p>
            <a:r>
              <a:rPr lang="en-DK" dirty="0"/>
              <a:t>Exercise: Explore a dataset I provide. Gather insights. Present. </a:t>
            </a:r>
          </a:p>
          <a:p>
            <a:r>
              <a:rPr lang="en-DK" dirty="0"/>
              <a:t>Before class: Finish exercises in “Tutorial4_visualizations.Rmd” script. </a:t>
            </a:r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B93CEF-6386-424E-B82A-4F5D6A7421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20584F-9040-0F47-9274-0AC882965427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</p:spTree>
    <p:extLst>
      <p:ext uri="{BB962C8B-B14F-4D97-AF65-F5344CB8AC3E}">
        <p14:creationId xmlns:p14="http://schemas.microsoft.com/office/powerpoint/2010/main" val="41241605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FB8FE530-8BA6-CB4B-8BF3-9291878EBE0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2912" y="803779"/>
            <a:ext cx="6843812" cy="5132859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</p:spTree>
    <p:extLst>
      <p:ext uri="{BB962C8B-B14F-4D97-AF65-F5344CB8AC3E}">
        <p14:creationId xmlns:p14="http://schemas.microsoft.com/office/powerpoint/2010/main" val="314613528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FB8FE530-8BA6-CB4B-8BF3-9291878EBE0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2912" y="803779"/>
            <a:ext cx="6843812" cy="5132859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46266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851777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46266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b="1" dirty="0"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  <p:pic>
        <p:nvPicPr>
          <p:cNvPr id="1026" name="Picture 2" descr="Connect observations — geom_path • ggplot2">
            <a:extLst>
              <a:ext uri="{FF2B5EF4-FFF2-40B4-BE49-F238E27FC236}">
                <a16:creationId xmlns:a16="http://schemas.microsoft.com/office/drawing/2014/main" id="{F2254545-8C6C-D642-A4E7-AC26E7DF4650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0250" y="1711993"/>
            <a:ext cx="5564375" cy="34340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2392772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46266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b="1" dirty="0"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solidFill>
                <a:schemeClr val="bg1">
                  <a:lumMod val="50000"/>
                </a:schemeClr>
              </a:solidFill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66556A4-F7DC-D144-9647-1C9D3CBE8D4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5408787" cy="3937484"/>
          </a:xfrm>
        </p:spPr>
        <p:txBody>
          <a:bodyPr/>
          <a:lstStyle/>
          <a:p>
            <a:pPr>
              <a:buNone/>
            </a:pPr>
            <a:endParaRPr lang="en-DK" dirty="0"/>
          </a:p>
        </p:txBody>
      </p:sp>
      <p:pic>
        <p:nvPicPr>
          <p:cNvPr id="2050" name="Picture 2" descr="Bar charts — geom_bar • ggplot2">
            <a:extLst>
              <a:ext uri="{FF2B5EF4-FFF2-40B4-BE49-F238E27FC236}">
                <a16:creationId xmlns:a16="http://schemas.microsoft.com/office/drawing/2014/main" id="{68137BBA-B5FC-9D4F-9F32-3EAFA65D4E8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1075" y="1714500"/>
            <a:ext cx="5543550" cy="3429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5058254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46266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b="1" dirty="0"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  <p:pic>
        <p:nvPicPr>
          <p:cNvPr id="3078" name="Picture 6" descr="Sensors | Free Full-Text | Virtual Sensing and Sensors Selection for  Efficient Temperature Monitoring in Indoor Environments | HTML">
            <a:extLst>
              <a:ext uri="{FF2B5EF4-FFF2-40B4-BE49-F238E27FC236}">
                <a16:creationId xmlns:a16="http://schemas.microsoft.com/office/drawing/2014/main" id="{CA3506C1-D4B0-DE49-B7B3-0964EF32880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2204864"/>
            <a:ext cx="5808244" cy="29230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6198092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46266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b="1" dirty="0"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solidFill>
                <a:schemeClr val="bg1">
                  <a:lumMod val="50000"/>
                </a:schemeClr>
              </a:solidFill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  <p:pic>
        <p:nvPicPr>
          <p:cNvPr id="4098" name="Picture 2" descr="geom_density total AUC 1, instead of 1 for each group - Stack Overflow">
            <a:extLst>
              <a:ext uri="{FF2B5EF4-FFF2-40B4-BE49-F238E27FC236}">
                <a16:creationId xmlns:a16="http://schemas.microsoft.com/office/drawing/2014/main" id="{6902C27E-82E5-334F-85D1-77DE606061C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94880" y="1772816"/>
            <a:ext cx="5366617" cy="3704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873680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833F15-1EBA-6347-9D8A-A5EAC01CD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D8D318-5E66-BF48-81AE-3897A90A69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7A1349-D5EC-BB40-9747-327532377ECD}" type="datetime1">
              <a:rPr lang="en-GB" smtClean="0"/>
              <a:t>30/09/2021</a:t>
            </a:fld>
            <a:r>
              <a:rPr lang="en-GB"/>
              <a:t>30/09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34AAFD6-0A2C-CB47-9FDE-D640F75A4A0A}"/>
              </a:ext>
            </a:extLst>
          </p:cNvPr>
          <p:cNvSpPr txBox="1"/>
          <p:nvPr/>
        </p:nvSpPr>
        <p:spPr>
          <a:xfrm>
            <a:off x="8110636" y="1124744"/>
            <a:ext cx="2046266" cy="53490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Line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a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Box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Density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b="1" dirty="0">
                <a:latin typeface="+mn-lt"/>
              </a:rPr>
              <a:t>Scatter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Word cloud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Pie char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Raincloud plo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Heatma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Animated plot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(Interactive plots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solidFill>
                <a:schemeClr val="bg1">
                  <a:lumMod val="50000"/>
                </a:schemeClr>
              </a:solidFill>
              <a:latin typeface="+mn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DK" sz="1800" dirty="0">
              <a:latin typeface="+mn-lt"/>
            </a:endParaRPr>
          </a:p>
        </p:txBody>
      </p:sp>
      <p:pic>
        <p:nvPicPr>
          <p:cNvPr id="5122" name="Picture 2" descr="Create a scatter plot with ggplot | R-bloggers">
            <a:extLst>
              <a:ext uri="{FF2B5EF4-FFF2-40B4-BE49-F238E27FC236}">
                <a16:creationId xmlns:a16="http://schemas.microsoft.com/office/drawing/2014/main" id="{2A6D551F-9CD6-304A-B01F-8A4762D859A2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48850" y="1844824"/>
            <a:ext cx="4718357" cy="33702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572625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33</Words>
  <Application>Microsoft Macintosh PowerPoint</Application>
  <PresentationFormat>Custom</PresentationFormat>
  <Paragraphs>186</Paragraphs>
  <Slides>21</Slides>
  <Notes>2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7" baseType="lpstr">
      <vt:lpstr>AU Passata Light</vt:lpstr>
      <vt:lpstr>AU Passata</vt:lpstr>
      <vt:lpstr>Calibri</vt:lpstr>
      <vt:lpstr>Arial</vt:lpstr>
      <vt:lpstr>Georgia</vt:lpstr>
      <vt:lpstr>BSS 16:9</vt:lpstr>
      <vt:lpstr>Tutorial #4 Data visualization</vt:lpstr>
      <vt:lpstr>Agenda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Exercise: Visualizations in r</vt:lpstr>
      <vt:lpstr>Optional exercie: ggiraph</vt:lpstr>
      <vt:lpstr>Optional exercise: Rstudio cloud primer</vt:lpstr>
      <vt:lpstr>Next ti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9-30T10:49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359747918899342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